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02C7D48A-278C-4C6E-BCF9-5855F83D021A}" xr6:coauthVersionLast="36" xr6:coauthVersionMax="47" xr10:uidLastSave="{00000000-0000-0000-0000-000000000000}"/>
  <bookViews>
    <workbookView xWindow="915" yWindow="1830" windowWidth="23670" windowHeight="12750" xr2:uid="{00000000-000D-0000-FFFF-FFFF00000000}"/>
  </bookViews>
  <sheets>
    <sheet name="BusinessStaying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38" uniqueCount="18">
  <si>
    <t>ID</t>
  </si>
  <si>
    <t>BusinessID</t>
  </si>
  <si>
    <t>Status</t>
  </si>
  <si>
    <t>Syubetu</t>
  </si>
  <si>
    <t>Ninzuu</t>
  </si>
  <si>
    <t>SubID</t>
  </si>
  <si>
    <t>Price1</t>
  </si>
  <si>
    <t>Price2</t>
  </si>
  <si>
    <t>Time1</t>
  </si>
  <si>
    <t>Time2</t>
  </si>
  <si>
    <t>Time3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E1E181AE-7798-4AC6-8845-85D8209C107D}" name="テーブル1" displayName="テーブル1" ref="A1:E23" totalsRowShown="0">
  <autoFilter ref="A1:E23" xr:uid="{8C7B14A1-A7C0-4F01-AF2A-6B6AC76A0D73}"/>
  <tableColumns count="5">
    <tableColumn id="1" xr3:uid="{443D4989-2DBA-4A6C-8125-DB973443A232}" name="ID"/>
    <tableColumn id="2" xr3:uid="{9898E805-9A0A-4361-BECA-F2A7828B25AA}" name="TERMINATOR"/>
    <tableColumn id="3" xr3:uid="{6D441B6D-848F-4AE6-8592-3FB8C4042DB3}" name="MAX_LENGTH"/>
    <tableColumn id="4" xr3:uid="{F9AEAA3E-0D86-4F86-9328-8CC0C8EF1C6A}" name="SOURCE"/>
    <tableColumn id="5" xr3:uid="{5577B19D-DA64-4A46-B6AE-FF175F052C8C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23"/>
  <sheetViews>
    <sheetView workbookViewId="0">
      <selection activeCell="B4" sqref="B4"/>
    </sheetView>
  </sheetViews>
  <sheetFormatPr defaultRowHeight="18.75" x14ac:dyDescent="0.4"/>
  <sheetData>
    <row r="1" spans="1:5" x14ac:dyDescent="0.4">
      <c r="A1" t="s">
        <v>11</v>
      </c>
      <c r="B1" t="s">
        <v>12</v>
      </c>
      <c r="C1" t="s">
        <v>13</v>
      </c>
      <c r="D1" t="s">
        <v>14</v>
      </c>
      <c r="E1" t="s">
        <v>15</v>
      </c>
    </row>
    <row r="2" spans="1:5" x14ac:dyDescent="0.4">
      <c r="A2">
        <v>1</v>
      </c>
      <c r="B2" s="4" t="s">
        <v>16</v>
      </c>
      <c r="C2">
        <v>12</v>
      </c>
      <c r="E2" s="4"/>
    </row>
    <row r="3" spans="1:5" x14ac:dyDescent="0.4">
      <c r="A3">
        <v>2</v>
      </c>
      <c r="B3" s="4" t="s">
        <v>16</v>
      </c>
      <c r="C3">
        <v>12</v>
      </c>
      <c r="E3" s="4"/>
    </row>
    <row r="4" spans="1:5" x14ac:dyDescent="0.4">
      <c r="A4">
        <v>3</v>
      </c>
      <c r="B4" s="4" t="s">
        <v>16</v>
      </c>
      <c r="C4">
        <v>12</v>
      </c>
      <c r="E4" s="4"/>
    </row>
    <row r="5" spans="1:5" x14ac:dyDescent="0.4">
      <c r="A5">
        <v>4</v>
      </c>
      <c r="B5" s="4" t="s">
        <v>16</v>
      </c>
      <c r="C5">
        <v>12</v>
      </c>
      <c r="E5" s="4"/>
    </row>
    <row r="6" spans="1:5" x14ac:dyDescent="0.4">
      <c r="A6">
        <v>5</v>
      </c>
      <c r="B6" s="4" t="s">
        <v>16</v>
      </c>
      <c r="C6">
        <v>12</v>
      </c>
      <c r="E6" s="4"/>
    </row>
    <row r="7" spans="1:5" x14ac:dyDescent="0.4">
      <c r="A7">
        <v>6</v>
      </c>
      <c r="B7" s="4" t="s">
        <v>16</v>
      </c>
      <c r="C7">
        <v>12</v>
      </c>
      <c r="E7" s="4"/>
    </row>
    <row r="8" spans="1:5" x14ac:dyDescent="0.4">
      <c r="A8">
        <v>7</v>
      </c>
      <c r="B8" s="4" t="s">
        <v>16</v>
      </c>
      <c r="C8">
        <v>12</v>
      </c>
      <c r="E8" s="4"/>
    </row>
    <row r="9" spans="1:5" x14ac:dyDescent="0.4">
      <c r="A9">
        <v>8</v>
      </c>
      <c r="B9" s="4" t="s">
        <v>16</v>
      </c>
      <c r="C9">
        <v>12</v>
      </c>
      <c r="E9" s="4"/>
    </row>
    <row r="10" spans="1:5" x14ac:dyDescent="0.4">
      <c r="A10">
        <v>9</v>
      </c>
      <c r="B10" s="4" t="s">
        <v>16</v>
      </c>
      <c r="C10">
        <v>24</v>
      </c>
      <c r="E10" s="4"/>
    </row>
    <row r="11" spans="1:5" x14ac:dyDescent="0.4">
      <c r="A11">
        <v>10</v>
      </c>
      <c r="B11" s="4" t="s">
        <v>16</v>
      </c>
      <c r="C11">
        <v>24</v>
      </c>
      <c r="E11" s="4"/>
    </row>
    <row r="12" spans="1:5" x14ac:dyDescent="0.4">
      <c r="A12">
        <v>11</v>
      </c>
      <c r="B12" s="4" t="s">
        <v>17</v>
      </c>
      <c r="C12">
        <v>24</v>
      </c>
      <c r="E12" s="4"/>
    </row>
    <row r="13" spans="1:5" x14ac:dyDescent="0.4">
      <c r="B13" s="4"/>
      <c r="D13">
        <v>1</v>
      </c>
      <c r="E13" s="4" t="s">
        <v>0</v>
      </c>
    </row>
    <row r="14" spans="1:5" x14ac:dyDescent="0.4">
      <c r="B14" s="4"/>
      <c r="D14">
        <v>2</v>
      </c>
      <c r="E14" s="4" t="s">
        <v>1</v>
      </c>
    </row>
    <row r="15" spans="1:5" x14ac:dyDescent="0.4">
      <c r="B15" s="4"/>
      <c r="D15">
        <v>3</v>
      </c>
      <c r="E15" s="4" t="s">
        <v>2</v>
      </c>
    </row>
    <row r="16" spans="1:5" x14ac:dyDescent="0.4">
      <c r="B16" s="4"/>
      <c r="D16">
        <v>4</v>
      </c>
      <c r="E16" s="4" t="s">
        <v>3</v>
      </c>
    </row>
    <row r="17" spans="2:5" x14ac:dyDescent="0.4">
      <c r="B17" s="4"/>
      <c r="D17">
        <v>5</v>
      </c>
      <c r="E17" s="4" t="s">
        <v>4</v>
      </c>
    </row>
    <row r="18" spans="2:5" x14ac:dyDescent="0.4">
      <c r="B18" s="4"/>
      <c r="D18">
        <v>6</v>
      </c>
      <c r="E18" s="4" t="s">
        <v>5</v>
      </c>
    </row>
    <row r="19" spans="2:5" x14ac:dyDescent="0.4">
      <c r="B19" s="4"/>
      <c r="D19">
        <v>7</v>
      </c>
      <c r="E19" s="4" t="s">
        <v>6</v>
      </c>
    </row>
    <row r="20" spans="2:5" x14ac:dyDescent="0.4">
      <c r="B20" s="4"/>
      <c r="D20">
        <v>8</v>
      </c>
      <c r="E20" s="4" t="s">
        <v>7</v>
      </c>
    </row>
    <row r="21" spans="2:5" x14ac:dyDescent="0.4">
      <c r="B21" s="4"/>
      <c r="D21">
        <v>9</v>
      </c>
      <c r="E21" s="4" t="s">
        <v>8</v>
      </c>
    </row>
    <row r="22" spans="2:5" x14ac:dyDescent="0.4">
      <c r="B22" s="4"/>
      <c r="D22">
        <v>10</v>
      </c>
      <c r="E22" s="4" t="s">
        <v>9</v>
      </c>
    </row>
    <row r="23" spans="2:5" x14ac:dyDescent="0.4">
      <c r="B23" s="4"/>
      <c r="D23">
        <v>11</v>
      </c>
      <c r="E23" s="4" t="s">
        <v>10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BusinessStaying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1:09:11Z</dcterms:created>
  <dcterms:modified xsi:type="dcterms:W3CDTF">2024-02-26T04:21:15Z</dcterms:modified>
</cp:coreProperties>
</file>